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600" yWindow="90" windowWidth="19395" windowHeight="7605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7" uniqueCount="7">
  <si>
    <t>年</t>
    <rPh sb="0" eb="1">
      <t>ネン</t>
    </rPh>
    <phoneticPr fontId="2"/>
  </si>
  <si>
    <t>東京路線利用者数（人）</t>
    <rPh sb="0" eb="2">
      <t>トウキョウ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大阪路線利用者数（人）</t>
    <rPh sb="0" eb="2">
      <t>オオサカ</t>
    </rPh>
    <rPh sb="2" eb="4">
      <t>ロセン</t>
    </rPh>
    <rPh sb="4" eb="7">
      <t>リヨウシャ</t>
    </rPh>
    <rPh sb="7" eb="8">
      <t>スウ</t>
    </rPh>
    <rPh sb="9" eb="10">
      <t>ニン</t>
    </rPh>
    <phoneticPr fontId="2"/>
  </si>
  <si>
    <t>合計利用者数（人）</t>
    <rPh sb="0" eb="2">
      <t>ゴウケイ</t>
    </rPh>
    <rPh sb="2" eb="5">
      <t>リヨウシャ</t>
    </rPh>
    <rPh sb="5" eb="6">
      <t>スウ</t>
    </rPh>
    <rPh sb="7" eb="8">
      <t>ニン</t>
    </rPh>
    <phoneticPr fontId="2"/>
  </si>
  <si>
    <t>東京路線利用率（％）</t>
    <rPh sb="0" eb="2">
      <t>トウキョウ</t>
    </rPh>
    <rPh sb="2" eb="4">
      <t>ロセン</t>
    </rPh>
    <rPh sb="4" eb="7">
      <t>リヨウリツ</t>
    </rPh>
    <phoneticPr fontId="2"/>
  </si>
  <si>
    <t>合計利用率（％）</t>
    <rPh sb="0" eb="2">
      <t>ゴウケイ</t>
    </rPh>
    <rPh sb="2" eb="5">
      <t>リヨウリツ</t>
    </rPh>
    <phoneticPr fontId="2"/>
  </si>
  <si>
    <t>大阪路線利用率（％）</t>
    <rPh sb="0" eb="2">
      <t>オオサカ</t>
    </rPh>
    <rPh sb="2" eb="4">
      <t>ロセン</t>
    </rPh>
    <rPh sb="4" eb="7">
      <t>リヨウリ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">
    <xf numFmtId="0" fontId="0" fillId="0" borderId="0" xfId="0">
      <alignment vertical="center"/>
    </xf>
    <xf numFmtId="0" fontId="0" fillId="0" borderId="1" xfId="0" applyBorder="1">
      <alignment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3"/>
  <sheetViews>
    <sheetView tabSelected="1" workbookViewId="0">
      <selection activeCell="G7" sqref="G7"/>
    </sheetView>
  </sheetViews>
  <sheetFormatPr defaultRowHeight="13.5" x14ac:dyDescent="0.15"/>
  <cols>
    <col min="2" max="2" width="20.625" bestFit="1" customWidth="1"/>
    <col min="3" max="3" width="17.625" bestFit="1" customWidth="1"/>
    <col min="4" max="4" width="20.625" bestFit="1" customWidth="1"/>
    <col min="5" max="5" width="17.625" bestFit="1" customWidth="1"/>
    <col min="6" max="6" width="16.5" bestFit="1" customWidth="1"/>
    <col min="7" max="7" width="15.875" customWidth="1"/>
  </cols>
  <sheetData>
    <row r="1" spans="1:7" x14ac:dyDescent="0.15">
      <c r="A1" s="1" t="s">
        <v>0</v>
      </c>
      <c r="B1" s="1" t="s">
        <v>1</v>
      </c>
      <c r="C1" s="1" t="s">
        <v>4</v>
      </c>
      <c r="D1" s="1" t="s">
        <v>2</v>
      </c>
      <c r="E1" s="1" t="s">
        <v>6</v>
      </c>
      <c r="F1" s="1" t="s">
        <v>3</v>
      </c>
      <c r="G1" s="1" t="s">
        <v>5</v>
      </c>
    </row>
    <row r="2" spans="1:7" x14ac:dyDescent="0.15">
      <c r="A2" s="1">
        <v>2004</v>
      </c>
      <c r="B2" s="1">
        <v>60528</v>
      </c>
      <c r="C2" s="1">
        <v>65.2</v>
      </c>
      <c r="D2" s="1">
        <v>29723</v>
      </c>
      <c r="E2" s="1">
        <v>40.9</v>
      </c>
      <c r="F2" s="1">
        <v>90251</v>
      </c>
      <c r="G2" s="1">
        <v>54.5</v>
      </c>
    </row>
    <row r="3" spans="1:7" x14ac:dyDescent="0.15">
      <c r="A3" s="1">
        <v>2005</v>
      </c>
      <c r="B3" s="1">
        <v>55413</v>
      </c>
      <c r="C3" s="1">
        <v>55.3</v>
      </c>
      <c r="D3" s="1">
        <v>25518</v>
      </c>
      <c r="E3" s="1">
        <v>47.9</v>
      </c>
      <c r="F3" s="1">
        <v>80931</v>
      </c>
      <c r="G3" s="1">
        <v>52.7</v>
      </c>
    </row>
    <row r="4" spans="1:7" x14ac:dyDescent="0.15">
      <c r="A4" s="1">
        <v>2006</v>
      </c>
      <c r="B4" s="1">
        <v>42501</v>
      </c>
      <c r="C4" s="1">
        <v>45.7</v>
      </c>
      <c r="D4" s="1">
        <v>27358</v>
      </c>
      <c r="E4" s="1">
        <v>51.1</v>
      </c>
      <c r="F4" s="1">
        <v>69859</v>
      </c>
      <c r="G4" s="1">
        <v>47.7</v>
      </c>
    </row>
    <row r="5" spans="1:7" x14ac:dyDescent="0.15">
      <c r="A5" s="1">
        <v>2007</v>
      </c>
      <c r="B5" s="1">
        <v>47205</v>
      </c>
      <c r="C5" s="1">
        <v>51.7</v>
      </c>
      <c r="D5" s="1">
        <v>24399</v>
      </c>
      <c r="E5" s="1">
        <v>45.4</v>
      </c>
      <c r="F5" s="1">
        <v>71604</v>
      </c>
      <c r="G5" s="1">
        <v>49.4</v>
      </c>
    </row>
    <row r="6" spans="1:7" x14ac:dyDescent="0.15">
      <c r="A6" s="1">
        <v>2008</v>
      </c>
      <c r="B6" s="1">
        <v>46185</v>
      </c>
      <c r="C6" s="1">
        <v>49.8</v>
      </c>
      <c r="D6" s="1">
        <v>22328</v>
      </c>
      <c r="E6" s="1">
        <v>41.8</v>
      </c>
      <c r="F6" s="1">
        <v>68513</v>
      </c>
      <c r="G6" s="1">
        <v>46.9</v>
      </c>
    </row>
    <row r="7" spans="1:7" x14ac:dyDescent="0.15">
      <c r="A7" s="1">
        <v>2009</v>
      </c>
      <c r="B7" s="1">
        <v>45836</v>
      </c>
      <c r="C7" s="1">
        <v>50.6</v>
      </c>
      <c r="D7" s="1">
        <v>21231</v>
      </c>
      <c r="E7" s="1">
        <v>39.6</v>
      </c>
      <c r="F7" s="1">
        <v>67067</v>
      </c>
      <c r="G7" s="1">
        <v>46.5</v>
      </c>
    </row>
    <row r="8" spans="1:7" x14ac:dyDescent="0.15">
      <c r="A8" s="1">
        <v>2010</v>
      </c>
      <c r="B8" s="1">
        <v>50134</v>
      </c>
      <c r="C8" s="1">
        <v>56.4</v>
      </c>
      <c r="D8" s="1">
        <v>22458</v>
      </c>
      <c r="E8" s="1">
        <v>63.4</v>
      </c>
      <c r="F8" s="1">
        <v>72592</v>
      </c>
      <c r="G8" s="1">
        <v>58.4</v>
      </c>
    </row>
    <row r="9" spans="1:7" x14ac:dyDescent="0.15">
      <c r="A9" s="1">
        <v>2011</v>
      </c>
      <c r="B9" s="1">
        <v>61838</v>
      </c>
      <c r="C9" s="1">
        <v>59.2</v>
      </c>
      <c r="D9" s="1">
        <v>4434</v>
      </c>
      <c r="E9" s="1">
        <v>63.7</v>
      </c>
      <c r="F9" s="1">
        <v>66272</v>
      </c>
      <c r="G9" s="1">
        <v>59.5</v>
      </c>
    </row>
    <row r="10" spans="1:7" x14ac:dyDescent="0.15">
      <c r="A10" s="1">
        <v>2012</v>
      </c>
      <c r="B10" s="1">
        <v>66172</v>
      </c>
      <c r="C10" s="1">
        <v>54.2</v>
      </c>
      <c r="D10" s="1">
        <v>4533</v>
      </c>
      <c r="E10" s="1">
        <v>61.3</v>
      </c>
      <c r="F10" s="1">
        <v>70705</v>
      </c>
      <c r="G10" s="1">
        <v>54.6</v>
      </c>
    </row>
    <row r="11" spans="1:7" x14ac:dyDescent="0.15">
      <c r="A11" s="1">
        <v>2013</v>
      </c>
      <c r="B11" s="1">
        <v>74384</v>
      </c>
      <c r="C11" s="1">
        <v>61.1</v>
      </c>
      <c r="D11" s="1">
        <v>5039</v>
      </c>
      <c r="E11" s="1">
        <v>66.8</v>
      </c>
      <c r="F11" s="1">
        <v>79423</v>
      </c>
      <c r="G11" s="1">
        <v>61.5</v>
      </c>
    </row>
    <row r="12" spans="1:7" x14ac:dyDescent="0.15">
      <c r="A12" s="1">
        <v>2014</v>
      </c>
      <c r="B12" s="1">
        <v>110199</v>
      </c>
      <c r="C12" s="1">
        <v>52.2</v>
      </c>
      <c r="D12" s="1">
        <v>3480</v>
      </c>
      <c r="E12" s="1">
        <v>52.8</v>
      </c>
      <c r="F12" s="1">
        <v>113679</v>
      </c>
      <c r="G12" s="1">
        <v>52.2</v>
      </c>
    </row>
    <row r="13" spans="1:7" x14ac:dyDescent="0.15">
      <c r="A13" s="1">
        <v>2015</v>
      </c>
      <c r="B13" s="1">
        <v>122472</v>
      </c>
      <c r="C13" s="1">
        <v>55.2</v>
      </c>
      <c r="D13" s="1">
        <v>3250</v>
      </c>
      <c r="E13" s="1">
        <v>49.9</v>
      </c>
      <c r="F13" s="1">
        <v>125722</v>
      </c>
      <c r="G13" s="1">
        <v>55.1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政策課</dc:creator>
  <cp:lastModifiedBy>s00150</cp:lastModifiedBy>
  <dcterms:created xsi:type="dcterms:W3CDTF">2017-03-09T01:38:34Z</dcterms:created>
  <dcterms:modified xsi:type="dcterms:W3CDTF">2017-03-17T01:00:27Z</dcterms:modified>
</cp:coreProperties>
</file>